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7" uniqueCount="340">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いしはら眼科</t>
    <phoneticPr fontId="3"/>
  </si>
  <si>
    <t>〒699-0112 松江市東出雲町意宇東２－６－７</t>
    <phoneticPr fontId="3"/>
  </si>
  <si>
    <t>〇</t>
  </si>
  <si>
    <t>個人</t>
  </si>
  <si>
    <t>眼科</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4245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9</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4</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4</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1</v>
      </c>
      <c r="K157" s="99" t="str">
        <f t="shared" ref="K157:K172" si="1">IF(OR(COUNTIF(L157:O157,"未確認")&gt;0,COUNTIF(L157:O157,"*")&gt;0),"※","")</f>
        <v/>
      </c>
      <c r="L157" s="167"/>
      <c r="M157" s="167">
        <v>0</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1</v>
      </c>
      <c r="K158" s="99" t="str">
        <f t="shared" si="1"/>
        <v/>
      </c>
      <c r="L158" s="168"/>
      <c r="M158" s="168">
        <v>0</v>
      </c>
      <c r="N158" s="168">
        <v>1</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1</v>
      </c>
      <c r="K159" s="99" t="str">
        <f t="shared" si="1"/>
        <v/>
      </c>
      <c r="L159" s="167"/>
      <c r="M159" s="167">
        <v>0</v>
      </c>
      <c r="N159" s="167">
        <v>1</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t="s">
        <v>338</v>
      </c>
      <c r="K359" s="99" t="str">
        <f t="shared" ref="K359:K363" si="4">IF(OR(COUNTIF(J359,"未確認")&gt;0,COUNTIF(J359,"*")&gt;0),"※","")</f>
        <v>※</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t="s">
        <v>338</v>
      </c>
      <c r="K361" s="99" t="str">
        <f t="shared" si="4"/>
        <v>※</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01:15Z</cp:lastPrinted>
  <dcterms:created xsi:type="dcterms:W3CDTF">2019-03-05T11:12:49Z</dcterms:created>
  <dcterms:modified xsi:type="dcterms:W3CDTF">2021-05-24T00:01:15Z</dcterms:modified>
</cp:coreProperties>
</file>